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B0DB3413-7CBF-4007-BE12-8E97CDAA898C}" xr6:coauthVersionLast="45" xr6:coauthVersionMax="45" xr10:uidLastSave="{00000000-0000-0000-0000-000000000000}"/>
  <bookViews>
    <workbookView xWindow="1720" yWindow="31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18" uniqueCount="90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กลุ่มแปรรูปผ้าบ้านสวนปอ</t>
  </si>
  <si>
    <t>นางสมหวัง  ทองวิชิต</t>
  </si>
  <si>
    <t>ร้อยเอ็ด</t>
  </si>
  <si>
    <t>089-862-5512</t>
  </si>
  <si>
    <t>สมหวัง ทองวิชิต</t>
  </si>
  <si>
    <t xml:space="preserve">กลุ่มแปรรูปผลิตภัณฑ์พื้นเมืองบ้านดินทรายอ่อน </t>
  </si>
  <si>
    <t>กลุ่มแปรรูปผ้าขาวม้านุชบา</t>
  </si>
  <si>
    <t>นายวรพงษ์  ชัยรัตน์</t>
  </si>
  <si>
    <t>นางเยาวเรศ  พูนจิตร</t>
  </si>
  <si>
    <t>นายปริญญา    สุวรรณศรี</t>
  </si>
  <si>
    <t xml:space="preserve">100 หมู่ 1 ตำบลนาเต้  อำเภอเมือง  จังหวัดอำนาจเจริญ  </t>
  </si>
  <si>
    <t>หนองบัวลำภู</t>
  </si>
  <si>
    <t>บึงกาฬ</t>
  </si>
  <si>
    <t>กาฬสินธุ์</t>
  </si>
  <si>
    <t>อำนาจเจริญ</t>
  </si>
  <si>
    <t>ขอนแก่น</t>
  </si>
  <si>
    <t>081-592-6185 042-353466</t>
  </si>
  <si>
    <t>080-333-8399</t>
  </si>
  <si>
    <t>094-003-6227</t>
  </si>
  <si>
    <t>ภูริษาผ้าไทย</t>
  </si>
  <si>
    <t>นุชบา OTOP</t>
  </si>
  <si>
    <t>ปัตตานี</t>
  </si>
  <si>
    <t>กลุ่มกัทลีหัตถกรรมกาบกล้วย</t>
  </si>
  <si>
    <t>คุณดรุณี  แวยามา</t>
  </si>
  <si>
    <t xml:space="preserve">กลุ่มกัทลี หัตถกรรมกาบกล้วย ถนนรูสะมิแล  อำเภอเมือง จังหวัดปัตตานี </t>
  </si>
  <si>
    <t>085-724-1338</t>
  </si>
  <si>
    <t>แม่ฮ่องสอน</t>
  </si>
  <si>
    <t>0940036227</t>
  </si>
  <si>
    <t>กลุ่มแปรรูปผลิตภัณฑ์พื้นเมืองบ้านดินทรายอ่อน</t>
  </si>
  <si>
    <t xml:space="preserve">กลุ่มแปรรูปผลิตภัณฑ์หัตถกรรมชุมชนทรัพย์ปัญญา </t>
  </si>
  <si>
    <t>นางสมบัติ  ป้องจันทร์</t>
  </si>
  <si>
    <t>นางพัชรินช์  ชัยรัตน์</t>
  </si>
  <si>
    <t>คุณมยุรี  เสืออู่</t>
  </si>
  <si>
    <t>กลุ่มทอผ้าและแปรรูปผลิตภัณฑ์จากบ้านห้วยเตย  หมู่ที่ 5  ตำบลเว่อ  อำเภอยางตลาด  จังหวัดกาฬสินธุ์</t>
  </si>
  <si>
    <t xml:space="preserve">121 ม.6  ตำบลหัวนา  อำเภอเมือง  จังหวัดหนองบัวลำภู  </t>
  </si>
  <si>
    <t xml:space="preserve">6 หมู่ 10 บ้านนานิคม  ตำบลนาดี  อำเภอสุวรรณคูหา  จังหวัดหนองบัวลำภู  </t>
  </si>
  <si>
    <t>083-328-9308</t>
  </si>
  <si>
    <t>081-592-6185 , 042-353466</t>
  </si>
  <si>
    <t xml:space="preserve"> 080-293-6294,080-391-4644</t>
  </si>
  <si>
    <t xml:space="preserve">กลุ่มตากีญะ </t>
  </si>
  <si>
    <t xml:space="preserve">กลุ่มแม่บ้านสวนตาล </t>
  </si>
  <si>
    <t xml:space="preserve">กลุ่มทอผ้าและแปรรูปผลิตภัณฑ์จากบ้านห้วยเตย </t>
  </si>
  <si>
    <t>กลุ่มแปรรูปผลิตภัณฑ์ผ้าพื้นเมืองศรีวิชัย</t>
  </si>
  <si>
    <t>กลุ่มแม่บ้านเกษตรกร บ้านหนองกุงใหญ่</t>
  </si>
  <si>
    <t>กลุ่มเกษตรอินทรีย์ ชาวนา บ้านนอก</t>
  </si>
  <si>
    <t>กลุ่มแปรรูปผลิตภัณฑ์ทุเรียน(สาย15 กะปะห์-บังยี)</t>
  </si>
  <si>
    <t>คุณราตรี ปรัชญาวิชัยกุล</t>
  </si>
  <si>
    <t>นางรัชนีกร มะมี</t>
  </si>
  <si>
    <t>นายธีรวัฒน์ อิ่มทรัพย์</t>
  </si>
  <si>
    <t>คุณอานันท์</t>
  </si>
  <si>
    <t xml:space="preserve">64 หมู่ที่ 2  ตำบลตาผ่อง  อำเภอเมืองแม่ฮ่องสอน  จังหวัดแม่ฮ่องสอน  </t>
  </si>
  <si>
    <t xml:space="preserve">32 หมู่ 1 ตำบลไร่หลักทอง อำเภอพนัสนิคม จังหวัดชลบุรี </t>
  </si>
  <si>
    <t>110  หมู่ที่ 6 ตำบลป่าแฝก  อำเภอพรเจริญ  จังหวัดบึงกาฬ</t>
  </si>
  <si>
    <t>กลุ่มแม่บ้านเกษตรกร บ้านหนองกุงใหญ่ หมู่  4 ตำบลบ้านเมิง  อำเภอหนองเรือ  จังหวัดขอนแก่น</t>
  </si>
  <si>
    <t xml:space="preserve"> 121  หมู่ 6  ตำบลหัวนา  อำเภอเมือง  จังหวัดหนองบัวลำภู  </t>
  </si>
  <si>
    <t>262 หมู่ 9 บ้านท่างาม ตำบลอุ่มเม่า อำเภอยางตลาด จังหวัดกาฬสินธุ์</t>
  </si>
  <si>
    <t xml:space="preserve"> หมู่ 6  ตำบลหนองแคน  อำเภอปทุมรัตต์  จังหวัดร้อยเอ็ด	</t>
  </si>
  <si>
    <t>ชลบุรี</t>
  </si>
  <si>
    <t>ยะลา</t>
  </si>
  <si>
    <t xml:space="preserve">101/13 ถนนสาย15 ตำบลสะเตง อำเภอเมืองยะลา จังหวัดยะลา </t>
  </si>
  <si>
    <t xml:space="preserve"> 086-838-9176</t>
  </si>
  <si>
    <t>062-158-8628,093-4240669</t>
  </si>
  <si>
    <t>098-341-4569</t>
  </si>
  <si>
    <t>087 - 443 -6007 , 086 - 225 - 6229</t>
  </si>
  <si>
    <t>091- 846- 5259  , 087-141-4319 , 095-489-6396</t>
  </si>
  <si>
    <t xml:space="preserve"> 080-293-6294</t>
  </si>
  <si>
    <t>081-592-6185</t>
  </si>
  <si>
    <t>087 - 443 -6007 , BA16229</t>
  </si>
  <si>
    <t>ชุมชนดีมีรอยยิ้มยางตลาด</t>
  </si>
  <si>
    <t>ผ้าฝ้ายใบทอง แม่แถมศรีวิชัย</t>
  </si>
  <si>
    <t>ชาวนา บ้านนอก ข้าวธรรมชาติ เพื่อสุขภาพ , ชาวนา บ้านนอก ชาวนาของพระราชา (ชาวนา บ้านนอก ชาวนาของพระราชา)</t>
  </si>
  <si>
    <t>G&amp;SHIP</t>
  </si>
  <si>
    <t>ton.aspire_4520@hotmail.com</t>
  </si>
  <si>
    <t>tongbai318@gmail.com</t>
  </si>
  <si>
    <t>durianchips@hotmail.com</t>
  </si>
  <si>
    <t>pafaiibaithong@gmail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  <font>
      <sz val="14"/>
      <color theme="1" tint="0.34998626667073579"/>
      <name val="Helvetica Neue"/>
      <family val="2"/>
      <scheme val="maj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theme="2" tint="-9.9978637043366805E-2"/>
        <bgColor indexed="64"/>
      </patternFill>
    </fill>
  </fills>
  <borders count="7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21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2" fillId="4" borderId="5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6" xfId="0" applyNumberFormat="1" applyFont="1" applyFill="1" applyBorder="1" applyAlignment="1">
      <alignment vertical="center"/>
    </xf>
    <xf numFmtId="0" fontId="2" fillId="4" borderId="6" xfId="0" quotePrefix="1" applyNumberFormat="1" applyFont="1" applyFill="1" applyBorder="1" applyAlignment="1">
      <alignment vertical="center"/>
    </xf>
    <xf numFmtId="0" fontId="2" fillId="5" borderId="6" xfId="0" applyNumberFormat="1" applyFont="1" applyFill="1" applyBorder="1" applyAlignment="1">
      <alignment vertical="center" wrapText="1"/>
    </xf>
    <xf numFmtId="0" fontId="2" fillId="5" borderId="6" xfId="0" applyNumberFormat="1" applyFont="1" applyFill="1" applyBorder="1" applyAlignment="1">
      <alignment vertical="center"/>
    </xf>
    <xf numFmtId="0" fontId="2" fillId="5" borderId="6" xfId="0" quotePrefix="1" applyNumberFormat="1" applyFont="1" applyFill="1" applyBorder="1" applyAlignment="1">
      <alignment vertical="center"/>
    </xf>
    <xf numFmtId="0" fontId="6" fillId="4" borderId="6" xfId="0" applyNumberFormat="1" applyFont="1" applyFill="1" applyBorder="1" applyAlignment="1">
      <alignment vertical="center"/>
    </xf>
    <xf numFmtId="0" fontId="6" fillId="5" borderId="6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6" fillId="5" borderId="6" xfId="0" applyNumberFormat="1" applyFont="1" applyFill="1" applyBorder="1" applyAlignment="1">
      <alignment vertical="center" wrapText="1"/>
    </xf>
    <xf numFmtId="0" fontId="2" fillId="5" borderId="6" xfId="0" quotePrefix="1" applyNumberFormat="1" applyFont="1" applyFill="1" applyBorder="1" applyAlignment="1">
      <alignment vertical="center" wrapText="1"/>
    </xf>
    <xf numFmtId="0" fontId="4" fillId="5" borderId="6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mailto:durianchips@hot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7"/>
  <sheetViews>
    <sheetView showGridLines="0" tabSelected="1" topLeftCell="E4" workbookViewId="0">
      <selection activeCell="L10" sqref="L10"/>
    </sheetView>
  </sheetViews>
  <sheetFormatPr defaultColWidth="16.36328125" defaultRowHeight="19.899999999999999" customHeight="1"/>
  <cols>
    <col min="1" max="1" width="64.453125" style="5" bestFit="1" customWidth="1"/>
    <col min="2" max="2" width="20.36328125" style="5" bestFit="1" customWidth="1"/>
    <col min="3" max="3" width="36.453125" style="5" bestFit="1" customWidth="1"/>
    <col min="4" max="4" width="121.7265625" style="5" bestFit="1" customWidth="1"/>
    <col min="5" max="12" width="16.36328125" style="5" customWidth="1"/>
    <col min="13" max="16384" width="16.36328125" style="5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6" t="s">
        <v>1</v>
      </c>
      <c r="B2" s="7" t="s">
        <v>2</v>
      </c>
      <c r="C2" s="6" t="s">
        <v>3</v>
      </c>
      <c r="D2" s="6" t="s">
        <v>4</v>
      </c>
      <c r="E2" s="6" t="s">
        <v>5</v>
      </c>
      <c r="F2" s="6" t="s">
        <v>6</v>
      </c>
      <c r="G2" s="6" t="s">
        <v>7</v>
      </c>
      <c r="H2" s="6" t="s">
        <v>8</v>
      </c>
      <c r="I2" s="6" t="s">
        <v>9</v>
      </c>
      <c r="J2" s="6" t="s">
        <v>10</v>
      </c>
      <c r="K2" s="6" t="s">
        <v>11</v>
      </c>
    </row>
    <row r="3" spans="1:11" ht="22.4" customHeight="1">
      <c r="A3" s="8"/>
      <c r="B3" s="9" t="s">
        <v>12</v>
      </c>
      <c r="C3" s="8"/>
      <c r="D3" s="8"/>
      <c r="E3" s="8"/>
      <c r="F3" s="8"/>
      <c r="G3" s="8"/>
      <c r="H3" s="8"/>
      <c r="I3" s="8"/>
      <c r="J3" s="8"/>
      <c r="K3" s="8"/>
    </row>
    <row r="4" spans="1:11" ht="19.899999999999999" customHeight="1">
      <c r="A4" s="10" t="s">
        <v>53</v>
      </c>
      <c r="B4" s="5" t="s">
        <v>13</v>
      </c>
      <c r="C4" s="13" t="s">
        <v>60</v>
      </c>
      <c r="D4" s="12" t="s">
        <v>64</v>
      </c>
      <c r="E4" s="13">
        <v>58000</v>
      </c>
      <c r="F4" s="12" t="s">
        <v>40</v>
      </c>
      <c r="G4" s="13" t="s">
        <v>39</v>
      </c>
      <c r="H4" s="14"/>
      <c r="I4" s="13"/>
      <c r="J4" s="13"/>
    </row>
    <row r="5" spans="1:11" ht="19.899999999999999" customHeight="1">
      <c r="A5" s="10" t="s">
        <v>54</v>
      </c>
      <c r="B5" s="5" t="s">
        <v>13</v>
      </c>
      <c r="C5" s="13" t="s">
        <v>61</v>
      </c>
      <c r="D5" s="12" t="s">
        <v>65</v>
      </c>
      <c r="E5" s="13">
        <v>20140</v>
      </c>
      <c r="F5" s="12" t="s">
        <v>71</v>
      </c>
      <c r="G5" s="13" t="s">
        <v>74</v>
      </c>
      <c r="H5" s="14"/>
      <c r="I5" s="13"/>
      <c r="J5" s="13"/>
    </row>
    <row r="6" spans="1:11" ht="19.899999999999999" customHeight="1">
      <c r="A6" s="10" t="s">
        <v>43</v>
      </c>
      <c r="B6" s="5" t="s">
        <v>13</v>
      </c>
      <c r="C6" s="13" t="s">
        <v>46</v>
      </c>
      <c r="D6" s="12" t="s">
        <v>49</v>
      </c>
      <c r="E6" s="13">
        <v>39270</v>
      </c>
      <c r="F6" s="12" t="s">
        <v>25</v>
      </c>
      <c r="G6" s="13" t="s">
        <v>52</v>
      </c>
      <c r="H6" s="13" t="s">
        <v>79</v>
      </c>
      <c r="I6" s="13" t="s">
        <v>46</v>
      </c>
      <c r="J6" s="13"/>
    </row>
    <row r="7" spans="1:11" ht="19.899999999999999" customHeight="1">
      <c r="A7" s="15" t="s">
        <v>42</v>
      </c>
      <c r="B7" s="5" t="s">
        <v>13</v>
      </c>
      <c r="C7" s="16" t="s">
        <v>45</v>
      </c>
      <c r="D7" s="18" t="s">
        <v>48</v>
      </c>
      <c r="E7" s="16">
        <v>39000</v>
      </c>
      <c r="F7" s="18" t="s">
        <v>25</v>
      </c>
      <c r="G7" s="16" t="s">
        <v>51</v>
      </c>
      <c r="H7" s="16" t="s">
        <v>80</v>
      </c>
      <c r="I7" s="16" t="s">
        <v>33</v>
      </c>
      <c r="J7" s="16" t="s">
        <v>86</v>
      </c>
    </row>
    <row r="8" spans="1:11" ht="19.899999999999999" customHeight="1">
      <c r="A8" s="10" t="s">
        <v>55</v>
      </c>
      <c r="B8" s="5" t="s">
        <v>13</v>
      </c>
      <c r="C8" s="13" t="s">
        <v>44</v>
      </c>
      <c r="D8" s="12" t="s">
        <v>47</v>
      </c>
      <c r="E8" s="13">
        <v>46120</v>
      </c>
      <c r="F8" s="12" t="s">
        <v>27</v>
      </c>
      <c r="G8" s="13" t="s">
        <v>50</v>
      </c>
      <c r="H8" s="13" t="s">
        <v>50</v>
      </c>
      <c r="I8" s="13" t="s">
        <v>82</v>
      </c>
      <c r="J8" s="13"/>
    </row>
    <row r="9" spans="1:11" ht="19.899999999999999" customHeight="1">
      <c r="A9" s="11" t="s">
        <v>56</v>
      </c>
      <c r="B9" s="5" t="s">
        <v>13</v>
      </c>
      <c r="C9" s="13" t="s">
        <v>62</v>
      </c>
      <c r="D9" s="12" t="s">
        <v>66</v>
      </c>
      <c r="E9" s="13">
        <v>38180</v>
      </c>
      <c r="F9" s="12" t="s">
        <v>26</v>
      </c>
      <c r="G9" s="13" t="s">
        <v>75</v>
      </c>
      <c r="H9" s="13" t="s">
        <v>75</v>
      </c>
      <c r="I9" s="14" t="s">
        <v>83</v>
      </c>
      <c r="J9" s="13" t="s">
        <v>89</v>
      </c>
    </row>
    <row r="10" spans="1:11" ht="19.899999999999999" customHeight="1">
      <c r="A10" s="11" t="s">
        <v>55</v>
      </c>
      <c r="B10" s="5" t="s">
        <v>13</v>
      </c>
      <c r="C10" s="13" t="s">
        <v>44</v>
      </c>
      <c r="D10" s="12" t="s">
        <v>47</v>
      </c>
      <c r="E10" s="13">
        <v>46120</v>
      </c>
      <c r="F10" s="12" t="s">
        <v>27</v>
      </c>
      <c r="G10" s="13" t="s">
        <v>50</v>
      </c>
      <c r="H10" s="13" t="s">
        <v>50</v>
      </c>
      <c r="I10" s="14" t="s">
        <v>82</v>
      </c>
      <c r="J10" s="13"/>
    </row>
    <row r="11" spans="1:11" ht="19.899999999999999" customHeight="1">
      <c r="A11" s="11" t="s">
        <v>57</v>
      </c>
      <c r="B11" s="5" t="s">
        <v>13</v>
      </c>
      <c r="C11" s="13" t="s">
        <v>23</v>
      </c>
      <c r="D11" s="12" t="s">
        <v>67</v>
      </c>
      <c r="E11" s="13">
        <v>40210</v>
      </c>
      <c r="F11" s="12" t="s">
        <v>29</v>
      </c>
      <c r="G11" s="13" t="s">
        <v>76</v>
      </c>
      <c r="H11" s="13"/>
      <c r="I11" s="14"/>
      <c r="J11" s="13"/>
    </row>
    <row r="12" spans="1:11" ht="19.899999999999999" customHeight="1">
      <c r="A12" s="11" t="s">
        <v>20</v>
      </c>
      <c r="B12" s="5" t="s">
        <v>13</v>
      </c>
      <c r="C12" s="13" t="s">
        <v>22</v>
      </c>
      <c r="D12" s="12" t="s">
        <v>24</v>
      </c>
      <c r="E12" s="13">
        <v>37000</v>
      </c>
      <c r="F12" s="12" t="s">
        <v>28</v>
      </c>
      <c r="G12" s="13" t="s">
        <v>31</v>
      </c>
      <c r="H12" s="13"/>
      <c r="I12" s="14" t="s">
        <v>34</v>
      </c>
      <c r="J12" s="13"/>
    </row>
    <row r="13" spans="1:11" ht="19.899999999999999" customHeight="1">
      <c r="A13" s="11" t="s">
        <v>36</v>
      </c>
      <c r="B13" s="5" t="s">
        <v>13</v>
      </c>
      <c r="C13" s="13" t="s">
        <v>37</v>
      </c>
      <c r="D13" s="12" t="s">
        <v>38</v>
      </c>
      <c r="E13" s="13">
        <v>94000</v>
      </c>
      <c r="F13" s="12" t="s">
        <v>35</v>
      </c>
      <c r="G13" s="13" t="s">
        <v>32</v>
      </c>
      <c r="H13" s="13" t="s">
        <v>41</v>
      </c>
      <c r="I13" s="14"/>
      <c r="J13" s="13"/>
    </row>
    <row r="14" spans="1:11" ht="19.899999999999999" customHeight="1">
      <c r="A14" s="11" t="s">
        <v>19</v>
      </c>
      <c r="B14" s="5" t="s">
        <v>13</v>
      </c>
      <c r="C14" s="13" t="s">
        <v>21</v>
      </c>
      <c r="D14" s="12" t="s">
        <v>68</v>
      </c>
      <c r="E14" s="13">
        <v>39000</v>
      </c>
      <c r="F14" s="12" t="s">
        <v>25</v>
      </c>
      <c r="G14" s="13" t="s">
        <v>30</v>
      </c>
      <c r="H14" s="13"/>
      <c r="I14" s="14" t="s">
        <v>33</v>
      </c>
      <c r="J14" s="13"/>
    </row>
    <row r="15" spans="1:11" ht="19.899999999999999" customHeight="1">
      <c r="A15" s="11" t="s">
        <v>58</v>
      </c>
      <c r="B15" s="5" t="s">
        <v>13</v>
      </c>
      <c r="C15" s="13"/>
      <c r="D15" s="12" t="s">
        <v>69</v>
      </c>
      <c r="E15" s="13">
        <v>46120</v>
      </c>
      <c r="F15" s="12" t="s">
        <v>27</v>
      </c>
      <c r="G15" s="13" t="s">
        <v>77</v>
      </c>
      <c r="H15" s="13" t="s">
        <v>81</v>
      </c>
      <c r="I15" s="19" t="s">
        <v>84</v>
      </c>
      <c r="J15" s="13" t="s">
        <v>87</v>
      </c>
    </row>
    <row r="16" spans="1:11" ht="19.899999999999999" customHeight="1">
      <c r="A16" s="4" t="s">
        <v>14</v>
      </c>
      <c r="B16" s="5" t="s">
        <v>13</v>
      </c>
      <c r="C16" s="17" t="s">
        <v>15</v>
      </c>
      <c r="D16" s="17" t="s">
        <v>70</v>
      </c>
      <c r="E16" s="17">
        <v>45109</v>
      </c>
      <c r="F16" s="17" t="s">
        <v>16</v>
      </c>
      <c r="G16" s="17" t="s">
        <v>17</v>
      </c>
      <c r="H16" s="17" t="s">
        <v>17</v>
      </c>
      <c r="I16" s="17" t="s">
        <v>18</v>
      </c>
      <c r="J16" s="17"/>
    </row>
    <row r="17" spans="1:10" ht="19.899999999999999" customHeight="1">
      <c r="A17" s="11" t="s">
        <v>59</v>
      </c>
      <c r="B17" s="5" t="s">
        <v>13</v>
      </c>
      <c r="C17" s="13" t="s">
        <v>63</v>
      </c>
      <c r="D17" s="12" t="s">
        <v>73</v>
      </c>
      <c r="E17" s="13">
        <v>95000</v>
      </c>
      <c r="F17" s="12" t="s">
        <v>72</v>
      </c>
      <c r="G17" s="12" t="s">
        <v>78</v>
      </c>
      <c r="H17" s="12"/>
      <c r="I17" s="14" t="s">
        <v>85</v>
      </c>
      <c r="J17" s="20" t="s">
        <v>88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7" r:id="rId1" xr:uid="{835026FA-038B-477C-87CD-46E3E05F82EA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7:38:22Z</dcterms:modified>
</cp:coreProperties>
</file>